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 Region.</a:t>
            </a:r>
          </a:p>
          <a:p>
            <a:endParaRPr dirty="0" lang="en-US" noProof="0"/>
          </a:p>
          <a:p txid="bb5e0a0d40a83839033ab364db647a81">
            <a:r>
              <a:rPr dirty="0" lang="en-US" noProof="0"/>
              <a:t>Il est particulièrement utile de renseigner systématiqu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